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14:paraId="6E27DEB8" w14:textId="115DA741" w:rsidR="00B438BA" w:rsidRDefault="00B438BA">
      <w:r>
        <w:t>Minutes</w:t>
      </w:r>
    </w:p>
    <w:p w14:paraId="50E62F58" w14:textId="3E844A13" w:rsidR="00B438BA" w:rsidRDefault="00B438BA">
      <w:r>
        <w:t>Special Meeting</w:t>
      </w:r>
    </w:p>
    <w:p w14:paraId="741A841B" w14:textId="18244C72" w:rsidR="00B438BA" w:rsidRDefault="00B438BA">
      <w:r>
        <w:t>DLEACS Board of Trustees</w:t>
      </w:r>
    </w:p>
    <w:p w14:paraId="4395748D" w14:textId="02AB1579" w:rsidR="00B438BA" w:rsidRDefault="00B438BA">
      <w:r>
        <w:t>December 16, 2021</w:t>
      </w:r>
    </w:p>
    <w:p w14:paraId="18B69526" w14:textId="526737F1" w:rsidR="00B438BA" w:rsidRDefault="00B438BA">
      <w:r>
        <w:t>Attending:</w:t>
      </w:r>
    </w:p>
    <w:p w14:paraId="5CDA03FF" w14:textId="50D02FAF" w:rsidR="00B438BA" w:rsidRDefault="00B438BA">
      <w:r>
        <w:t>Andrew Nyaboga</w:t>
      </w:r>
    </w:p>
    <w:p w14:paraId="5DC231A7" w14:textId="48FBDF9C" w:rsidR="00B438BA" w:rsidRDefault="00B438BA">
      <w:r>
        <w:t>Eugene Squeo</w:t>
      </w:r>
    </w:p>
    <w:p w14:paraId="01BE4276" w14:textId="3155197D" w:rsidR="00B438BA" w:rsidRDefault="00B438BA">
      <w:r>
        <w:t>Patricia Madison</w:t>
      </w:r>
    </w:p>
    <w:p w14:paraId="1215DD5F" w14:textId="6B700CD0" w:rsidR="00B438BA" w:rsidRDefault="00B438BA">
      <w:r>
        <w:t>John Seaz</w:t>
      </w:r>
      <w:r w:rsidR="003F442E">
        <w:t>holtz</w:t>
      </w:r>
    </w:p>
    <w:p w14:paraId="74707291" w14:textId="44A882AB" w:rsidR="00B438BA" w:rsidRDefault="003F442E">
      <w:r>
        <w:t>Joseph DiFeo</w:t>
      </w:r>
    </w:p>
    <w:p w14:paraId="0FA9C4BF" w14:textId="463F8BDD" w:rsidR="003F442E" w:rsidRDefault="003F442E">
      <w:r>
        <w:t>Sharon</w:t>
      </w:r>
      <w:r w:rsidR="00B709B5">
        <w:t xml:space="preserve"> Santana</w:t>
      </w:r>
    </w:p>
    <w:p w14:paraId="75BEFF53" w14:textId="6067BFBD" w:rsidR="003F442E" w:rsidRDefault="003F442E">
      <w:r>
        <w:t>Phyllis Fasone</w:t>
      </w:r>
    </w:p>
    <w:p w14:paraId="07339CB1" w14:textId="55357704" w:rsidR="003F442E" w:rsidRDefault="003F442E">
      <w:r>
        <w:t>Keith Davis (absent)</w:t>
      </w:r>
    </w:p>
    <w:p w14:paraId="4D9D7741" w14:textId="22BC9D23" w:rsidR="003F442E" w:rsidRDefault="003F442E">
      <w:r>
        <w:t>Chris Garlin</w:t>
      </w:r>
    </w:p>
    <w:p w14:paraId="52E4708B" w14:textId="62433F37" w:rsidR="00A4199C" w:rsidRDefault="00A4199C">
      <w:r>
        <w:t>Brian Fal</w:t>
      </w:r>
      <w:r w:rsidR="00CA6BD3">
        <w:t>k</w:t>
      </w:r>
      <w:r>
        <w:t>owski</w:t>
      </w:r>
    </w:p>
    <w:p w14:paraId="028D72D6" w14:textId="77777777" w:rsidR="00080944" w:rsidRDefault="00080944"/>
    <w:p w14:paraId="5CF86D42" w14:textId="2E0EA2EF" w:rsidR="003F442E" w:rsidRDefault="00A4199C">
      <w:r>
        <w:t>A special meeting was held to vote on 5 specific resolutions.  Each resolution was discussed with all questions being satisfactorily answered.  The resolutions included:</w:t>
      </w:r>
    </w:p>
    <w:p w14:paraId="5A67E5FD" w14:textId="77777777" w:rsidR="00080944" w:rsidRDefault="00080944"/>
    <w:p w14:paraId="6BE45D02" w14:textId="31C129A8" w:rsidR="00A4199C" w:rsidRDefault="00A4199C">
      <w:r>
        <w:t>12/12/1</w:t>
      </w:r>
    </w:p>
    <w:p w14:paraId="00E4DA49" w14:textId="2B7AA21E" w:rsidR="00A4199C" w:rsidRDefault="00A4199C">
      <w:r>
        <w:t>Resolution authorizing Covid 19 stipend to all DLEACS employees</w:t>
      </w:r>
      <w:r w:rsidR="00D32193">
        <w:t xml:space="preserve"> in the amount of $1,500</w:t>
      </w:r>
      <w:r>
        <w:t>:</w:t>
      </w:r>
    </w:p>
    <w:p w14:paraId="0B72FF95" w14:textId="6EE2BB23" w:rsidR="00A4199C" w:rsidRDefault="00A4199C" w:rsidP="00A4199C">
      <w:pPr>
        <w:rPr>
          <w:b/>
          <w:sz w:val="28"/>
          <w:szCs w:val="28"/>
        </w:rPr>
      </w:pPr>
      <w:r>
        <w:rPr>
          <w:b/>
          <w:sz w:val="28"/>
          <w:szCs w:val="28"/>
        </w:rPr>
        <w:t>Vote</w:t>
      </w:r>
      <w:r w:rsidR="00E52C0B">
        <w:rPr>
          <w:b/>
          <w:sz w:val="28"/>
          <w:szCs w:val="28"/>
        </w:rPr>
        <w:t>: 7-</w:t>
      </w:r>
      <w:proofErr w:type="gramStart"/>
      <w:r w:rsidR="00E52C0B">
        <w:rPr>
          <w:b/>
          <w:sz w:val="28"/>
          <w:szCs w:val="28"/>
        </w:rPr>
        <w:t>0  1</w:t>
      </w:r>
      <w:proofErr w:type="gramEnd"/>
      <w:r w:rsidR="00E52C0B">
        <w:rPr>
          <w:b/>
          <w:sz w:val="28"/>
          <w:szCs w:val="28"/>
        </w:rPr>
        <w:t xml:space="preserve"> absent</w:t>
      </w:r>
    </w:p>
    <w:p w14:paraId="776C2922" w14:textId="1352BEA8" w:rsidR="00A4199C" w:rsidRDefault="00B709B5">
      <w:r>
        <w:t>12/12/2</w:t>
      </w:r>
    </w:p>
    <w:p w14:paraId="4431D0B7" w14:textId="3AB679F7" w:rsidR="009C6C36" w:rsidRDefault="009C6C36">
      <w:proofErr w:type="gramStart"/>
      <w:r>
        <w:t>Resolution authorizing Covid 19 stipend to DLEACS Principle, Assistant Principal and CEO</w:t>
      </w:r>
      <w:r w:rsidR="00880B6C">
        <w:t xml:space="preserve"> in the amount of $5,000.</w:t>
      </w:r>
      <w:proofErr w:type="gramEnd"/>
    </w:p>
    <w:p w14:paraId="2B1A15E8" w14:textId="1AAEB4DF" w:rsidR="009C6C36" w:rsidRDefault="009C6C36" w:rsidP="009C6C36">
      <w:pPr>
        <w:rPr>
          <w:b/>
          <w:sz w:val="28"/>
          <w:szCs w:val="28"/>
        </w:rPr>
      </w:pPr>
      <w:r>
        <w:rPr>
          <w:b/>
          <w:sz w:val="28"/>
          <w:szCs w:val="28"/>
        </w:rPr>
        <w:t>Vote</w:t>
      </w:r>
      <w:r w:rsidR="00E52C0B">
        <w:rPr>
          <w:b/>
          <w:sz w:val="28"/>
          <w:szCs w:val="28"/>
        </w:rPr>
        <w:t>: 7-</w:t>
      </w:r>
      <w:proofErr w:type="gramStart"/>
      <w:r w:rsidR="00E52C0B">
        <w:rPr>
          <w:b/>
          <w:sz w:val="28"/>
          <w:szCs w:val="28"/>
        </w:rPr>
        <w:t>0  1</w:t>
      </w:r>
      <w:proofErr w:type="gramEnd"/>
      <w:r w:rsidR="00E52C0B">
        <w:rPr>
          <w:b/>
          <w:sz w:val="28"/>
          <w:szCs w:val="28"/>
        </w:rPr>
        <w:t xml:space="preserve"> absent</w:t>
      </w:r>
    </w:p>
    <w:p w14:paraId="2578EC9D" w14:textId="53DBE878" w:rsidR="009C6C36" w:rsidRDefault="00080944">
      <w:r>
        <w:t>12/12/3</w:t>
      </w:r>
    </w:p>
    <w:p w14:paraId="2501062D" w14:textId="37EB8B39" w:rsidR="00080944" w:rsidRDefault="00080944">
      <w:proofErr w:type="gramStart"/>
      <w:r>
        <w:t>Resolution authorizing the school social worker, Kenneth Childs, move</w:t>
      </w:r>
      <w:proofErr w:type="gramEnd"/>
      <w:r>
        <w:t xml:space="preserve"> to salary scale step 11 ($70,000) annual salary effective </w:t>
      </w:r>
      <w:r w:rsidR="00880B6C">
        <w:t>immediately.</w:t>
      </w:r>
    </w:p>
    <w:p w14:paraId="54A63EAE" w14:textId="0E919982" w:rsidR="00880B6C" w:rsidRDefault="00880B6C" w:rsidP="00880B6C">
      <w:pPr>
        <w:rPr>
          <w:b/>
          <w:sz w:val="28"/>
          <w:szCs w:val="28"/>
        </w:rPr>
      </w:pPr>
      <w:r>
        <w:rPr>
          <w:b/>
          <w:sz w:val="28"/>
          <w:szCs w:val="28"/>
        </w:rPr>
        <w:t>Vote</w:t>
      </w:r>
      <w:r w:rsidR="00E52C0B">
        <w:rPr>
          <w:b/>
          <w:sz w:val="28"/>
          <w:szCs w:val="28"/>
        </w:rPr>
        <w:t>: 7-</w:t>
      </w:r>
      <w:proofErr w:type="gramStart"/>
      <w:r w:rsidR="00E52C0B">
        <w:rPr>
          <w:b/>
          <w:sz w:val="28"/>
          <w:szCs w:val="28"/>
        </w:rPr>
        <w:t>0  1</w:t>
      </w:r>
      <w:proofErr w:type="gramEnd"/>
      <w:r w:rsidR="00E52C0B">
        <w:rPr>
          <w:b/>
          <w:sz w:val="28"/>
          <w:szCs w:val="28"/>
        </w:rPr>
        <w:t xml:space="preserve"> absent</w:t>
      </w:r>
    </w:p>
    <w:p w14:paraId="4F27804F" w14:textId="77777777" w:rsidR="005104F2" w:rsidRDefault="005104F2"/>
    <w:p w14:paraId="3783C195" w14:textId="44F6E7CD" w:rsidR="00880B6C" w:rsidRDefault="00880B6C">
      <w:r>
        <w:t>12/12/4</w:t>
      </w:r>
    </w:p>
    <w:p w14:paraId="3B434A1A" w14:textId="36D68526" w:rsidR="00880B6C" w:rsidRDefault="005104F2" w:rsidP="005104F2">
      <w:pPr>
        <w:jc w:val="both"/>
      </w:pPr>
      <w:proofErr w:type="gramStart"/>
      <w:r>
        <w:rPr>
          <w:bCs/>
        </w:rPr>
        <w:t>Resolution</w:t>
      </w:r>
      <w:r w:rsidR="00880B6C">
        <w:t xml:space="preserve"> authoriz</w:t>
      </w:r>
      <w:r>
        <w:t>ing</w:t>
      </w:r>
      <w:r w:rsidR="00880B6C">
        <w:t xml:space="preserve"> an additional payment of $50 per day to any TA serving as a substitute teacher during COVID 19 Pandemic.</w:t>
      </w:r>
      <w:proofErr w:type="gramEnd"/>
    </w:p>
    <w:p w14:paraId="4D314167" w14:textId="50465555" w:rsidR="005104F2" w:rsidRDefault="005104F2" w:rsidP="005104F2">
      <w:pPr>
        <w:rPr>
          <w:b/>
          <w:sz w:val="28"/>
          <w:szCs w:val="28"/>
        </w:rPr>
      </w:pPr>
      <w:r>
        <w:rPr>
          <w:b/>
          <w:sz w:val="28"/>
          <w:szCs w:val="28"/>
        </w:rPr>
        <w:t>Vote</w:t>
      </w:r>
      <w:r w:rsidR="00E52C0B">
        <w:rPr>
          <w:b/>
          <w:sz w:val="28"/>
          <w:szCs w:val="28"/>
        </w:rPr>
        <w:t>: 7-</w:t>
      </w:r>
      <w:proofErr w:type="gramStart"/>
      <w:r w:rsidR="00E52C0B">
        <w:rPr>
          <w:b/>
          <w:sz w:val="28"/>
          <w:szCs w:val="28"/>
        </w:rPr>
        <w:t>0  1</w:t>
      </w:r>
      <w:proofErr w:type="gramEnd"/>
      <w:r w:rsidR="00E52C0B">
        <w:rPr>
          <w:b/>
          <w:sz w:val="28"/>
          <w:szCs w:val="28"/>
        </w:rPr>
        <w:t xml:space="preserve"> absent</w:t>
      </w:r>
    </w:p>
    <w:p w14:paraId="2DC99E5B" w14:textId="77777777" w:rsidR="00861F97" w:rsidRDefault="00861F97" w:rsidP="005104F2">
      <w:pPr>
        <w:jc w:val="both"/>
      </w:pPr>
    </w:p>
    <w:p w14:paraId="17DC87EA" w14:textId="40339F2C" w:rsidR="004B124D" w:rsidRDefault="004B124D" w:rsidP="005104F2">
      <w:pPr>
        <w:jc w:val="both"/>
      </w:pPr>
      <w:r>
        <w:t>12/12/5</w:t>
      </w:r>
    </w:p>
    <w:p w14:paraId="19A3F917" w14:textId="56DF34D1" w:rsidR="00861F97" w:rsidRDefault="00861F97" w:rsidP="005104F2">
      <w:pPr>
        <w:jc w:val="both"/>
      </w:pPr>
      <w:proofErr w:type="gramStart"/>
      <w:r>
        <w:t>Resolution authorizing a payment of $30.</w:t>
      </w:r>
      <w:proofErr w:type="gramEnd"/>
      <w:r>
        <w:t xml:space="preserve"> Per hour to teachers for missed planning time to perform other necessary duties.</w:t>
      </w:r>
    </w:p>
    <w:p w14:paraId="46B09AA8" w14:textId="1EA916E9" w:rsidR="00861F97" w:rsidRDefault="00861F97" w:rsidP="00861F97">
      <w:pPr>
        <w:rPr>
          <w:b/>
          <w:sz w:val="28"/>
          <w:szCs w:val="28"/>
        </w:rPr>
      </w:pPr>
      <w:r>
        <w:rPr>
          <w:b/>
          <w:sz w:val="28"/>
          <w:szCs w:val="28"/>
        </w:rPr>
        <w:t>Vote</w:t>
      </w:r>
      <w:r w:rsidR="00E52C0B">
        <w:rPr>
          <w:b/>
          <w:sz w:val="28"/>
          <w:szCs w:val="28"/>
        </w:rPr>
        <w:t>: 7-</w:t>
      </w:r>
      <w:proofErr w:type="gramStart"/>
      <w:r w:rsidR="00E52C0B">
        <w:rPr>
          <w:b/>
          <w:sz w:val="28"/>
          <w:szCs w:val="28"/>
        </w:rPr>
        <w:t>0  1</w:t>
      </w:r>
      <w:proofErr w:type="gramEnd"/>
      <w:r w:rsidR="00E52C0B">
        <w:rPr>
          <w:b/>
          <w:sz w:val="28"/>
          <w:szCs w:val="28"/>
        </w:rPr>
        <w:t xml:space="preserve"> absent</w:t>
      </w:r>
    </w:p>
    <w:p w14:paraId="34C43507" w14:textId="77777777" w:rsidR="00E52C0B" w:rsidRDefault="00E52C0B" w:rsidP="00E52C0B">
      <w:pPr>
        <w:jc w:val="both"/>
      </w:pPr>
      <w:r>
        <w:t>Everyone was wished a happy, safe and healthy Christmas and New Year. The meeting was adjourned at 6:10 pm.  Our next regular meeting will be held on January 25, 2022.</w:t>
      </w:r>
    </w:p>
    <w:p w14:paraId="1C3EC28C" w14:textId="1D06BC10" w:rsidR="00E52C0B" w:rsidRPr="00800388" w:rsidRDefault="00E52C0B" w:rsidP="00E52C0B">
      <w:pPr>
        <w:rPr>
          <w:b/>
          <w:sz w:val="16"/>
          <w:szCs w:val="16"/>
        </w:rPr>
      </w:pPr>
      <w:r>
        <w:rPr>
          <w:b/>
          <w:i/>
        </w:rPr>
        <w:t>7-</w:t>
      </w:r>
      <w:proofErr w:type="gramStart"/>
      <w:r>
        <w:rPr>
          <w:b/>
          <w:i/>
        </w:rPr>
        <w:t>0  1</w:t>
      </w:r>
      <w:proofErr w:type="gramEnd"/>
      <w:r>
        <w:rPr>
          <w:b/>
          <w:i/>
        </w:rPr>
        <w:t xml:space="preserve"> absent</w:t>
      </w:r>
    </w:p>
    <w:p w14:paraId="1845F849" w14:textId="77777777" w:rsidR="009C6A1B" w:rsidRDefault="009C6A1B" w:rsidP="00E52C0B">
      <w:pPr>
        <w:jc w:val="both"/>
        <w:rPr>
          <w:b/>
          <w:i/>
        </w:rPr>
      </w:pPr>
      <w:bookmarkStart w:id="0" w:name="_GoBack"/>
      <w:r>
        <w:rPr>
          <w:b/>
          <w:i/>
        </w:rPr>
        <w:lastRenderedPageBreak/>
        <w:t>Minutes of the December 16, 2021 Special Meeting were approved at the Regular Meeting on January 25, 2022</w:t>
      </w:r>
    </w:p>
    <w:p w14:paraId="2EBA3FCA" w14:textId="4F52BF71" w:rsidR="00E52C0B" w:rsidRPr="00800388" w:rsidRDefault="00E52C0B" w:rsidP="00E52C0B">
      <w:pPr>
        <w:jc w:val="both"/>
        <w:rPr>
          <w:b/>
          <w:i/>
        </w:rPr>
      </w:pPr>
      <w:r w:rsidRPr="00800388">
        <w:rPr>
          <w:b/>
          <w:i/>
        </w:rPr>
        <w:t xml:space="preserve"> </w:t>
      </w:r>
    </w:p>
    <w:p w14:paraId="3A2DF470" w14:textId="77777777" w:rsidR="00E52C0B" w:rsidRPr="00800388" w:rsidRDefault="00E52C0B" w:rsidP="00E52C0B">
      <w:pPr>
        <w:jc w:val="both"/>
        <w:rPr>
          <w:b/>
          <w:i/>
        </w:rPr>
      </w:pPr>
      <w:r w:rsidRPr="00800388">
        <w:rPr>
          <w:b/>
          <w:i/>
        </w:rPr>
        <w:t>Certified to be a true copy</w:t>
      </w:r>
    </w:p>
    <w:p w14:paraId="10072E2E" w14:textId="77777777" w:rsidR="00E52C0B" w:rsidRPr="00800388" w:rsidRDefault="00E52C0B" w:rsidP="00E52C0B">
      <w:pPr>
        <w:jc w:val="both"/>
        <w:rPr>
          <w:b/>
          <w:i/>
        </w:rPr>
      </w:pPr>
    </w:p>
    <w:p w14:paraId="7E8344BE" w14:textId="77777777" w:rsidR="00E52C0B" w:rsidRPr="00800388" w:rsidRDefault="00E52C0B" w:rsidP="00E52C0B">
      <w:pPr>
        <w:jc w:val="both"/>
        <w:rPr>
          <w:b/>
        </w:rPr>
      </w:pPr>
      <w:r w:rsidRPr="00800388">
        <w:rPr>
          <w:b/>
        </w:rPr>
        <w:t>_________________________________</w:t>
      </w:r>
    </w:p>
    <w:p w14:paraId="0CF12968" w14:textId="77777777" w:rsidR="00E52C0B" w:rsidRPr="00800388" w:rsidRDefault="00E52C0B" w:rsidP="00E52C0B">
      <w:pPr>
        <w:jc w:val="both"/>
        <w:rPr>
          <w:b/>
        </w:rPr>
      </w:pPr>
      <w:r w:rsidRPr="00800388">
        <w:rPr>
          <w:b/>
        </w:rPr>
        <w:t>Dr. Brian Falkowski/SBA/Board Secretary</w:t>
      </w:r>
    </w:p>
    <w:p w14:paraId="1ACE4257" w14:textId="4CB50A37" w:rsidR="00E52C0B" w:rsidRPr="004C3A5C" w:rsidRDefault="00E52C0B" w:rsidP="00E52C0B">
      <w:pPr>
        <w:jc w:val="both"/>
      </w:pPr>
      <w:r w:rsidRPr="00800388">
        <w:rPr>
          <w:b/>
        </w:rPr>
        <w:t xml:space="preserve">Dated: </w:t>
      </w:r>
      <w:r>
        <w:rPr>
          <w:b/>
        </w:rPr>
        <w:t xml:space="preserve">January 25, 2022 </w:t>
      </w:r>
    </w:p>
    <w:p w14:paraId="75D3C8FC" w14:textId="77777777" w:rsidR="00E52C0B" w:rsidRPr="00633DA3" w:rsidRDefault="00E52C0B" w:rsidP="00E52C0B"/>
    <w:bookmarkEnd w:id="0"/>
    <w:p w14:paraId="58D27364" w14:textId="77777777" w:rsidR="00E52C0B" w:rsidRDefault="00E52C0B" w:rsidP="00E52C0B">
      <w:pPr>
        <w:rPr>
          <w:b/>
          <w:sz w:val="28"/>
          <w:szCs w:val="28"/>
        </w:rPr>
      </w:pPr>
    </w:p>
    <w:p w14:paraId="6C2EE441" w14:textId="77777777" w:rsidR="003F442E" w:rsidRDefault="003F442E"/>
    <w:sectPr w:rsidR="003F442E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14:paraId="67FAAAC0" w14:textId="77777777" w:rsidR="00B148FB" w:rsidRDefault="00B148FB" w:rsidP="00B148FB">
      <w:r>
        <w:separator/>
      </w:r>
    </w:p>
  </w:endnote>
  <w:endnote w:type="continuationSeparator" w:id="0">
    <w:p w14:paraId="1516144F" w14:textId="77777777" w:rsidR="00B148FB" w:rsidRDefault="00B148FB" w:rsidP="00B148F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imes New Roman">
    <w:panose1 w:val="02020603050405020304"/>
    <w:charset w:val="00"/>
    <w:family w:val="roman"/>
    <w:pitch w:val="variable"/>
    <w:sig w:usb0="E0002EFF" w:usb1="C0007843" w:usb2="00000009" w:usb3="00000000" w:csb0="000001FF" w:csb1="00000000"/>
  </w:font>
  <w:font w:name="Calibri Light">
    <w:panose1 w:val="020F0302020204030204"/>
    <w:charset w:val="00"/>
    <w:family w:val="swiss"/>
    <w:pitch w:val="variable"/>
    <w:sig w:usb0="A00002EF" w:usb1="4000207B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491771DF" w14:textId="77777777" w:rsidR="00B148FB" w:rsidRDefault="00B148FB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37F6CF36" w14:textId="77777777" w:rsidR="00B148FB" w:rsidRDefault="00B148FB">
    <w:pPr>
      <w:pStyle w:val="Footer"/>
    </w:pPr>
  </w:p>
  <w:p w14:paraId="589B78DE" w14:textId="13693AE4" w:rsidR="00B148FB" w:rsidRDefault="00B148FB" w:rsidP="00B148FB">
    <w:pPr>
      <w:pStyle w:val="Footer"/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</w:instrText>
    </w:r>
    <w:r w:rsidRPr="00B148FB">
      <w:rPr>
        <w:rFonts w:ascii="Times New Roman" w:hAnsi="Times New Roman" w:cs="Times New Roman"/>
        <w:sz w:val="16"/>
      </w:rPr>
      <w:instrText>IF "</w:instrText>
    </w:r>
    <w:r w:rsidRPr="00B148FB">
      <w:rPr>
        <w:rFonts w:ascii="Times New Roman" w:hAnsi="Times New Roman" w:cs="Times New Roman"/>
        <w:sz w:val="16"/>
      </w:rPr>
      <w:fldChar w:fldCharType="begin"/>
    </w:r>
    <w:r w:rsidRPr="00B148FB">
      <w:rPr>
        <w:rFonts w:ascii="Times New Roman" w:hAnsi="Times New Roman" w:cs="Times New Roman"/>
        <w:sz w:val="16"/>
      </w:rPr>
      <w:instrText xml:space="preserve"> DOCVARIABLE "SWDocIDLocation" </w:instrText>
    </w:r>
    <w:r w:rsidRPr="00B148FB">
      <w:rPr>
        <w:rFonts w:ascii="Times New Roman" w:hAnsi="Times New Roman" w:cs="Times New Roman"/>
        <w:sz w:val="16"/>
      </w:rPr>
      <w:fldChar w:fldCharType="separate"/>
    </w:r>
    <w:r w:rsidR="00C1043E">
      <w:rPr>
        <w:rFonts w:ascii="Times New Roman" w:hAnsi="Times New Roman" w:cs="Times New Roman"/>
        <w:sz w:val="16"/>
      </w:rPr>
      <w:instrText>1</w:instrText>
    </w:r>
    <w:r w:rsidRPr="00B148FB">
      <w:rPr>
        <w:rFonts w:ascii="Times New Roman" w:hAnsi="Times New Roman" w:cs="Times New Roman"/>
        <w:sz w:val="16"/>
      </w:rPr>
      <w:fldChar w:fldCharType="end"/>
    </w:r>
    <w:r w:rsidRPr="00B148FB">
      <w:rPr>
        <w:rFonts w:ascii="Times New Roman" w:hAnsi="Times New Roman" w:cs="Times New Roman"/>
        <w:sz w:val="16"/>
      </w:rPr>
      <w:instrText>" = "1" "</w:instrText>
    </w:r>
    <w:r w:rsidRPr="00B148FB">
      <w:rPr>
        <w:rFonts w:ascii="Times New Roman" w:hAnsi="Times New Roman" w:cs="Times New Roman"/>
        <w:sz w:val="16"/>
      </w:rPr>
      <w:fldChar w:fldCharType="begin"/>
    </w:r>
    <w:r w:rsidRPr="00B148FB">
      <w:rPr>
        <w:rFonts w:ascii="Times New Roman" w:hAnsi="Times New Roman" w:cs="Times New Roman"/>
        <w:sz w:val="16"/>
      </w:rPr>
      <w:instrText xml:space="preserve"> DOCPROPERTY "SWDocID" </w:instrText>
    </w:r>
    <w:r w:rsidRPr="00B148FB">
      <w:rPr>
        <w:rFonts w:ascii="Times New Roman" w:hAnsi="Times New Roman" w:cs="Times New Roman"/>
        <w:sz w:val="16"/>
      </w:rPr>
      <w:fldChar w:fldCharType="separate"/>
    </w:r>
    <w:r w:rsidR="00C1043E">
      <w:rPr>
        <w:rFonts w:ascii="Times New Roman" w:hAnsi="Times New Roman" w:cs="Times New Roman"/>
        <w:sz w:val="16"/>
      </w:rPr>
      <w:instrText>6315393-1</w:instrText>
    </w:r>
    <w:r w:rsidRPr="00B148FB">
      <w:rPr>
        <w:rFonts w:ascii="Times New Roman" w:hAnsi="Times New Roman" w:cs="Times New Roman"/>
        <w:sz w:val="16"/>
      </w:rPr>
      <w:fldChar w:fldCharType="end"/>
    </w:r>
    <w:r w:rsidRPr="00B148FB">
      <w:rPr>
        <w:rFonts w:ascii="Times New Roman" w:hAnsi="Times New Roman" w:cs="Times New Roman"/>
        <w:sz w:val="16"/>
      </w:rPr>
      <w:instrText>" ""</w:instrText>
    </w:r>
    <w:r>
      <w:rPr>
        <w:rFonts w:ascii="Times New Roman" w:hAnsi="Times New Roman" w:cs="Times New Roman"/>
        <w:sz w:val="16"/>
      </w:rPr>
      <w:instrText xml:space="preserve"> </w:instrText>
    </w:r>
    <w:r>
      <w:rPr>
        <w:rFonts w:ascii="Times New Roman" w:hAnsi="Times New Roman" w:cs="Times New Roman"/>
        <w:sz w:val="16"/>
      </w:rPr>
      <w:fldChar w:fldCharType="separate"/>
    </w:r>
    <w:r w:rsidR="00C1043E">
      <w:rPr>
        <w:rFonts w:ascii="Times New Roman" w:hAnsi="Times New Roman" w:cs="Times New Roman"/>
        <w:noProof/>
        <w:sz w:val="16"/>
      </w:rPr>
      <w:t>6315393-1</w:t>
    </w:r>
    <w:r>
      <w:rPr>
        <w:rFonts w:ascii="Times New Roman" w:hAnsi="Times New Roman" w:cs="Times New Roman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3DB182AE" w14:textId="77777777" w:rsidR="00B148FB" w:rsidRDefault="00B148FB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14:paraId="7D3EA94A" w14:textId="77777777" w:rsidR="00B148FB" w:rsidRDefault="00B148FB" w:rsidP="00B148FB">
      <w:r>
        <w:separator/>
      </w:r>
    </w:p>
  </w:footnote>
  <w:footnote w:type="continuationSeparator" w:id="0">
    <w:p w14:paraId="14E23BB3" w14:textId="77777777" w:rsidR="00B148FB" w:rsidRDefault="00B148FB" w:rsidP="00B148FB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FA199DC" w14:textId="77777777" w:rsidR="00B148FB" w:rsidRDefault="00B148FB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7C9DD8A" w14:textId="77777777" w:rsidR="00B148FB" w:rsidRDefault="00B148FB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3792CD56" w14:textId="77777777" w:rsidR="00B148FB" w:rsidRDefault="00B148FB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75"/>
  <w:proofState w:spelling="clean" w:grammar="clean"/>
  <w:defaultTabStop w:val="720"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5"/>
    <w:docVar w:name="SWDocIDLocation" w:val="1"/>
  </w:docVars>
  <w:rsids>
    <w:rsidRoot w:val="00B438BA"/>
    <w:rsid w:val="00080944"/>
    <w:rsid w:val="003B66F7"/>
    <w:rsid w:val="003F442E"/>
    <w:rsid w:val="004B124D"/>
    <w:rsid w:val="005104F2"/>
    <w:rsid w:val="00861F97"/>
    <w:rsid w:val="00880B6C"/>
    <w:rsid w:val="008D44C9"/>
    <w:rsid w:val="009C6A1B"/>
    <w:rsid w:val="009C6C36"/>
    <w:rsid w:val="00A4199C"/>
    <w:rsid w:val="00B148FB"/>
    <w:rsid w:val="00B438BA"/>
    <w:rsid w:val="00B709B5"/>
    <w:rsid w:val="00C1043E"/>
    <w:rsid w:val="00CA6BD3"/>
    <w:rsid w:val="00D32193"/>
    <w:rsid w:val="00E52C0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4097"/>
    <o:shapelayout v:ext="edit">
      <o:idmap v:ext="edit" data="1"/>
    </o:shapelayout>
  </w:shapeDefaults>
  <w:decimalSymbol w:val="."/>
  <w:listSeparator w:val=","/>
  <w14:docId w14:val="0AD769DF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4"/>
        <w:szCs w:val="24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B148FB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B148FB"/>
  </w:style>
  <w:style w:type="paragraph" w:styleId="Footer">
    <w:name w:val="footer"/>
    <w:basedOn w:val="Normal"/>
    <w:link w:val="FooterChar"/>
    <w:uiPriority w:val="99"/>
    <w:unhideWhenUsed/>
    <w:rsid w:val="00B148FB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B148FB"/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4"/>
        <w:szCs w:val="24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B148FB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B148FB"/>
  </w:style>
  <w:style w:type="paragraph" w:styleId="Footer">
    <w:name w:val="footer"/>
    <w:basedOn w:val="Normal"/>
    <w:link w:val="FooterChar"/>
    <w:uiPriority w:val="99"/>
    <w:unhideWhenUsed/>
    <w:rsid w:val="00B148FB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B148FB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=""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8</TotalTime>
  <Pages>2</Pages>
  <Words>195</Words>
  <Characters>1365</Characters>
  <Application>Microsoft Office Word</Application>
  <DocSecurity>0</DocSecurity>
  <Lines>54</Lines>
  <Paragraphs>5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501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pfasone@verizon.net</dc:creator>
  <cp:keywords/>
  <dc:description/>
  <cp:lastModifiedBy>Maureen K. Hulings</cp:lastModifiedBy>
  <cp:revision>6</cp:revision>
  <cp:lastPrinted>2022-02-09T23:57:00Z</cp:lastPrinted>
  <dcterms:created xsi:type="dcterms:W3CDTF">2022-02-09T23:03:00Z</dcterms:created>
  <dcterms:modified xsi:type="dcterms:W3CDTF">2022-02-10T00:0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6315393-1</vt:lpwstr>
  </property>
</Properties>
</file>